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4" autoAdjust="0"/>
    <p:restoredTop sz="94660"/>
  </p:normalViewPr>
  <p:slideViewPr>
    <p:cSldViewPr snapToGrid="0">
      <p:cViewPr varScale="1">
        <p:scale>
          <a:sx n="80" d="100"/>
          <a:sy n="80" d="100"/>
        </p:scale>
        <p:origin x="102" y="23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83B5C7-15D3-408D-8EFD-B612069A858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D8AEE61-BD05-4FDB-BE89-B351AF75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FCF4084-56E4-4E9D-B4DC-8B9404D338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BED32C-AD9C-4C42-A7AF-5CF7BF2D31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0C785-582C-4CC9-B0D2-88315A5B2A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368754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6C4A9E-EBAC-4FE7-BE58-DFBD0A0A08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26552FE-726B-4608-8281-121CE731967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4C75A0-D607-4AF5-A421-B4645880D9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D97CC12-48B6-4857-8E33-A8568A39EF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7851705-4252-4BA7-B249-4E8687786C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07686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FA15A6F-0C58-4E40-AFB5-A1295963EF5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450E7F8-E5F9-402C-86DC-5937F21C98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F82A7AD-020F-42E8-88A1-5A8CC125D8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0CD877F-D4AB-493B-A940-6F91ABDD62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84B732D-AB0B-47D2-9875-DA4914429D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108333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4FF6CA-53D9-4D22-8191-3E7B50B9D7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50F871A-F62A-444A-A218-35AA876AD00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474512-09AE-4DF8-A681-5F27D5B19C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29A919-84FF-42BC-BEED-9EF03786F1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135A22C-7916-4FC2-BA86-3DEBEEBD50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1251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3A0C17-2F3A-47EB-A09B-58327CFD65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C2401A1-FC67-4313-B86D-C1C6704BC54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17A7C3F-8624-4EC6-9E7C-18453D255A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66EF65-A8A1-409B-8621-0906A8FFD6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D9C18B7-6A17-41FE-A34E-6461E6F4A6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09707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E5AEED-10BE-4509-8189-C204D650D3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E78D6C-D084-4114-86A0-5598087906C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B7A9575-37AC-4036-B599-B6138290CA1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3DC769-023F-4DB7-B273-C8891031A7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EB34B33-F7CB-4D59-A285-164FC7A46D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786AE34-CF78-43DB-9752-ED31F641DB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59375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C4EFD3-DF01-48E8-B569-2A1BD8839C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1AA05FB-AEF8-4881-AB3B-E81926CA718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05F2B90-AC62-48A7-9A47-B48AFCBB985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BE3D8F4-7E74-41F9-9339-23B7D8C7881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8F9AB2E-16FF-452A-8389-3FC7005FAD6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77D9F0F-179B-419A-AD78-019641BE32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5D330B6-DED0-48FF-860C-FE7A94208D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F13F3BC-5031-4A33-8887-77EF481D37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89154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B7E9A0-18B1-43ED-8EB5-892F45520C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9610C6E-8FD3-4A4C-B5A3-8E4F23D19D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01A9CB2-13E2-4C3D-A9D0-13992E5308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3DC2DFD-8A18-434A-AF37-ABF32D77A8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406691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C2989F4-DE17-4108-9213-7838A7F23A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607A1CD-9CE5-47FD-9967-422E435637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BC2F8BD-B87A-4685-A30A-5BA86B9CFF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381036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56736D-4789-4195-9DD3-D0979828EA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7961299-38D6-4895-9908-6A9364FEE37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1BEFC6E-8846-4438-841A-1316030D044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7F936D3-DA1C-4FBF-9101-6AA1282400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B36489-2533-49B3-8ACA-B2966C15CF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AD8A859-AAB8-48C1-8A9A-5A30718132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52818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4E0683-A5CB-46CE-802F-63060DBE53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A90754E-D72B-4805-A78C-08F33BBC9AD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CE1AD21-D3A1-4466-9166-3609012A0F9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1E06D31-577D-4376-8DEB-BD60EC474C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700673F-E87C-42D2-8C08-E5A78FE7B6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80E5E35-9128-485E-B71D-AF4FF4A225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65371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34764AA-4C11-4735-AB20-CE46A8A241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6647F41-BBBA-4415-A6A3-BC64A997B1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1D9346-FA21-499D-8A34-8BB5063B57B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3487C5-653C-42C3-9DE6-016A94C6B9C4}" type="datetimeFigureOut">
              <a:rPr lang="en-US" smtClean="0"/>
              <a:t>9/27/2017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4FBD50D-05CD-4ABD-ABA5-6F0BAF5380D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3B083A-79CF-4E36-A379-2758C42B819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9FEE04E-FCC1-46E8-BF98-BCF3B22C8B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50204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8AA0CB-BFA7-4CA5-9CA4-9B701DF576C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1EDFBE9-8327-42B7-82BC-B792AFB3EBEF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6872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OTLSHAPE_M_f110c450a3384cc6a729a900d5ce3d15_Connector1">
            <a:extLst>
              <a:ext uri="{FF2B5EF4-FFF2-40B4-BE49-F238E27FC236}">
                <a16:creationId xmlns:a16="http://schemas.microsoft.com/office/drawing/2014/main" id="{CC631F10-F513-4E36-B063-DB3491DBA81F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236988" y="2599478"/>
            <a:ext cx="0" cy="44852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34C05C2E-7B8E-48AB-95C9-591A20AEDDD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85D4BC08-66D1-40EF-967C-F10862018FCA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8C3AB10-85FC-4717-890B-66300AA604C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3AADA0E7-4533-4A36-B7D3-D8D704DC7DE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0F125CA0-96A6-4425-B693-FD79D138A57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551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7FFC6F99-1F85-4D40-939F-5F67FF6AB87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095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7EDED1E-9753-42CB-A836-BFFE06F42739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3065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B82D020-1964-467D-B3CE-D85B2B79CAC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437379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E0EC147-A809-4ADD-97B2-6C47EDF9DF64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500880" y="314547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FB54A263-0613-43D0-998C-842E260FA34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75462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785394F-E5F7-47CB-AB81-CF2C4D582AF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818120" y="314547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4" name="OTLSHAPE_M_f110c450a3384cc6a729a900d5ce3d15_Title">
            <a:extLst>
              <a:ext uri="{FF2B5EF4-FFF2-40B4-BE49-F238E27FC236}">
                <a16:creationId xmlns:a16="http://schemas.microsoft.com/office/drawing/2014/main" id="{8184FFA7-314C-42B8-9FD9-75BD7B41A4C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459238" y="2481157"/>
            <a:ext cx="243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mplementing Video Tagging Functionality</a:t>
            </a:r>
          </a:p>
        </p:txBody>
      </p:sp>
      <p:sp>
        <p:nvSpPr>
          <p:cNvPr id="15" name="OTLSHAPE_M_f110c450a3384cc6a729a900d5ce3d15_Date">
            <a:extLst>
              <a:ext uri="{FF2B5EF4-FFF2-40B4-BE49-F238E27FC236}">
                <a16:creationId xmlns:a16="http://schemas.microsoft.com/office/drawing/2014/main" id="{1961FC0E-E522-41AB-9665-F6DFEE682EB6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459238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/2017</a:t>
            </a:r>
          </a:p>
        </p:txBody>
      </p:sp>
      <p:sp>
        <p:nvSpPr>
          <p:cNvPr id="16" name="OTLSHAPE_M_f110c450a3384cc6a729a900d5ce3d15_Shape">
            <a:extLst>
              <a:ext uri="{FF2B5EF4-FFF2-40B4-BE49-F238E27FC236}">
                <a16:creationId xmlns:a16="http://schemas.microsoft.com/office/drawing/2014/main" id="{6052BFE9-6552-4668-A055-6655ED20703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rot="16200000">
            <a:off x="1262388" y="2599478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_2d6dccb248644ace9d7c4a9c19bec5b6_Shape">
            <a:extLst>
              <a:ext uri="{FF2B5EF4-FFF2-40B4-BE49-F238E27FC236}">
                <a16:creationId xmlns:a16="http://schemas.microsoft.com/office/drawing/2014/main" id="{EC2FEECB-CFC6-48F1-A0BA-975768D7CD5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20140" y="3802719"/>
            <a:ext cx="5588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T_2d6dccb248644ace9d7c4a9c19bec5b6_ShapePercentage" hidden="1">
            <a:extLst>
              <a:ext uri="{FF2B5EF4-FFF2-40B4-BE49-F238E27FC236}">
                <a16:creationId xmlns:a16="http://schemas.microsoft.com/office/drawing/2014/main" id="{76F6A308-A207-4917-8A95-67B7587F9A2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20140" y="380271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T_2d6dccb248644ace9d7c4a9c19bec5b6_Duration" hidden="1">
            <a:extLst>
              <a:ext uri="{FF2B5EF4-FFF2-40B4-BE49-F238E27FC236}">
                <a16:creationId xmlns:a16="http://schemas.microsoft.com/office/drawing/2014/main" id="{6DA4F6CF-69CB-43D0-899D-E6466B174B7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36322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0" name="OTLSHAPE_T_2d6dccb248644ace9d7c4a9c19bec5b6_TextPercentage" hidden="1">
            <a:extLst>
              <a:ext uri="{FF2B5EF4-FFF2-40B4-BE49-F238E27FC236}">
                <a16:creationId xmlns:a16="http://schemas.microsoft.com/office/drawing/2014/main" id="{EE352007-A5D8-4C97-BA5C-6561E9EDD24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2d6dccb248644ace9d7c4a9c19bec5b6_JoinedDate" hidden="1">
            <a:extLst>
              <a:ext uri="{FF2B5EF4-FFF2-40B4-BE49-F238E27FC236}">
                <a16:creationId xmlns:a16="http://schemas.microsoft.com/office/drawing/2014/main" id="{7EB469D1-9FD3-49F3-995A-1FD67D4F7D67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2d6dccb248644ace9d7c4a9c19bec5b6_StartDate">
            <a:extLst>
              <a:ext uri="{FF2B5EF4-FFF2-40B4-BE49-F238E27FC236}">
                <a16:creationId xmlns:a16="http://schemas.microsoft.com/office/drawing/2014/main" id="{47FCFF0E-A870-4F62-8826-689CA88EAE1E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520488" y="38268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/2017</a:t>
            </a:r>
          </a:p>
        </p:txBody>
      </p:sp>
      <p:sp>
        <p:nvSpPr>
          <p:cNvPr id="23" name="OTLSHAPE_T_2d6dccb248644ace9d7c4a9c19bec5b6_Title">
            <a:extLst>
              <a:ext uri="{FF2B5EF4-FFF2-40B4-BE49-F238E27FC236}">
                <a16:creationId xmlns:a16="http://schemas.microsoft.com/office/drawing/2014/main" id="{1011478D-0C97-4EA6-9014-E0E171DEF4A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120140" y="3632200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Upload and play video on wibi</a:t>
            </a:r>
          </a:p>
        </p:txBody>
      </p:sp>
      <p:sp>
        <p:nvSpPr>
          <p:cNvPr id="24" name="OTLSHAPE_T_2d6dccb248644ace9d7c4a9c19bec5b6_EndDate">
            <a:extLst>
              <a:ext uri="{FF2B5EF4-FFF2-40B4-BE49-F238E27FC236}">
                <a16:creationId xmlns:a16="http://schemas.microsoft.com/office/drawing/2014/main" id="{89361797-1D70-4602-A245-15F0434A8D4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723737" y="38268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6/2017</a:t>
            </a:r>
          </a:p>
        </p:txBody>
      </p:sp>
      <p:sp>
        <p:nvSpPr>
          <p:cNvPr id="25" name="OTLSHAPE_T_3db04d8598a14caf9b307de3151d8fbe_Shape">
            <a:extLst>
              <a:ext uri="{FF2B5EF4-FFF2-40B4-BE49-F238E27FC236}">
                <a16:creationId xmlns:a16="http://schemas.microsoft.com/office/drawing/2014/main" id="{F40FCD93-A931-4D21-B9F0-86466E48024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894163" y="4239937"/>
            <a:ext cx="558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T_3db04d8598a14caf9b307de3151d8fbe_ShapePercentage" hidden="1">
            <a:extLst>
              <a:ext uri="{FF2B5EF4-FFF2-40B4-BE49-F238E27FC236}">
                <a16:creationId xmlns:a16="http://schemas.microsoft.com/office/drawing/2014/main" id="{0092750C-93B8-40C0-871B-27ED24C9475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894163" y="42399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T_3db04d8598a14caf9b307de3151d8fbe_Duration" hidden="1">
            <a:extLst>
              <a:ext uri="{FF2B5EF4-FFF2-40B4-BE49-F238E27FC236}">
                <a16:creationId xmlns:a16="http://schemas.microsoft.com/office/drawing/2014/main" id="{3323170F-1FDD-484B-A50C-8ECBF5F7533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406941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8" name="OTLSHAPE_T_3db04d8598a14caf9b307de3151d8fbe_TextPercentage" hidden="1">
            <a:extLst>
              <a:ext uri="{FF2B5EF4-FFF2-40B4-BE49-F238E27FC236}">
                <a16:creationId xmlns:a16="http://schemas.microsoft.com/office/drawing/2014/main" id="{31086847-EDC6-4309-8FC6-B992C0312B8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4224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3db04d8598a14caf9b307de3151d8fbe_JoinedDate" hidden="1">
            <a:extLst>
              <a:ext uri="{FF2B5EF4-FFF2-40B4-BE49-F238E27FC236}">
                <a16:creationId xmlns:a16="http://schemas.microsoft.com/office/drawing/2014/main" id="{B1B43DE1-C874-4D88-A31B-F3657CE0740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4224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3db04d8598a14caf9b307de3151d8fbe_StartDate">
            <a:extLst>
              <a:ext uri="{FF2B5EF4-FFF2-40B4-BE49-F238E27FC236}">
                <a16:creationId xmlns:a16="http://schemas.microsoft.com/office/drawing/2014/main" id="{1F270C7B-1BDC-4CE8-89CC-BFDFAC342DB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94511" y="42640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9/2017</a:t>
            </a:r>
          </a:p>
        </p:txBody>
      </p:sp>
      <p:sp>
        <p:nvSpPr>
          <p:cNvPr id="31" name="OTLSHAPE_T_3db04d8598a14caf9b307de3151d8fbe_Title">
            <a:extLst>
              <a:ext uri="{FF2B5EF4-FFF2-40B4-BE49-F238E27FC236}">
                <a16:creationId xmlns:a16="http://schemas.microsoft.com/office/drawing/2014/main" id="{4BE9D646-4EC3-48BD-B0E7-8BE86004232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894163" y="4069419"/>
            <a:ext cx="207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Understand all </a:t>
            </a:r>
            <a:r>
              <a:rPr lang="en-US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wirewax</a:t>
            </a:r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pabilities</a:t>
            </a:r>
          </a:p>
        </p:txBody>
      </p:sp>
      <p:sp>
        <p:nvSpPr>
          <p:cNvPr id="32" name="OTLSHAPE_T_3db04d8598a14caf9b307de3151d8fbe_EndDate">
            <a:extLst>
              <a:ext uri="{FF2B5EF4-FFF2-40B4-BE49-F238E27FC236}">
                <a16:creationId xmlns:a16="http://schemas.microsoft.com/office/drawing/2014/main" id="{59BE2ACF-7DAA-4B20-91DD-3FAA819FF52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497759" y="426402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13/2017</a:t>
            </a:r>
          </a:p>
        </p:txBody>
      </p:sp>
      <p:sp>
        <p:nvSpPr>
          <p:cNvPr id="33" name="OTLSHAPE_T_2461234878b14e6fb1c796b0109d52ee_Shape">
            <a:extLst>
              <a:ext uri="{FF2B5EF4-FFF2-40B4-BE49-F238E27FC236}">
                <a16:creationId xmlns:a16="http://schemas.microsoft.com/office/drawing/2014/main" id="{16A7DF6F-2784-483A-9664-CBC087BC95F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668186" y="4506637"/>
            <a:ext cx="36576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T_2461234878b14e6fb1c796b0109d52ee_ShapePercentage" hidden="1">
            <a:extLst>
              <a:ext uri="{FF2B5EF4-FFF2-40B4-BE49-F238E27FC236}">
                <a16:creationId xmlns:a16="http://schemas.microsoft.com/office/drawing/2014/main" id="{A052218D-9495-4958-BECB-0C10796B214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668186" y="45066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T_2461234878b14e6fb1c796b0109d52ee_Duration" hidden="1">
            <a:extLst>
              <a:ext uri="{FF2B5EF4-FFF2-40B4-BE49-F238E27FC236}">
                <a16:creationId xmlns:a16="http://schemas.microsoft.com/office/drawing/2014/main" id="{585A29F4-F220-4936-9A45-D279D992416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45066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3 days</a:t>
            </a:r>
          </a:p>
        </p:txBody>
      </p:sp>
      <p:sp>
        <p:nvSpPr>
          <p:cNvPr id="36" name="OTLSHAPE_T_2461234878b14e6fb1c796b0109d52ee_TextPercentage" hidden="1">
            <a:extLst>
              <a:ext uri="{FF2B5EF4-FFF2-40B4-BE49-F238E27FC236}">
                <a16:creationId xmlns:a16="http://schemas.microsoft.com/office/drawing/2014/main" id="{D00D4554-71EB-48E7-B8B1-189F2EE8FBA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46616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2461234878b14e6fb1c796b0109d52ee_JoinedDate" hidden="1">
            <a:extLst>
              <a:ext uri="{FF2B5EF4-FFF2-40B4-BE49-F238E27FC236}">
                <a16:creationId xmlns:a16="http://schemas.microsoft.com/office/drawing/2014/main" id="{E9B9DCF5-314A-446B-9AA8-A5049878586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46616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2461234878b14e6fb1c796b0109d52ee_StartDate">
            <a:extLst>
              <a:ext uri="{FF2B5EF4-FFF2-40B4-BE49-F238E27FC236}">
                <a16:creationId xmlns:a16="http://schemas.microsoft.com/office/drawing/2014/main" id="{FB0EB8C6-1171-4021-8D2B-97CEB15C4D3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004145" y="453072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16/2017</a:t>
            </a:r>
          </a:p>
        </p:txBody>
      </p:sp>
      <p:sp>
        <p:nvSpPr>
          <p:cNvPr id="39" name="OTLSHAPE_T_2461234878b14e6fb1c796b0109d52ee_EndDate">
            <a:extLst>
              <a:ext uri="{FF2B5EF4-FFF2-40B4-BE49-F238E27FC236}">
                <a16:creationId xmlns:a16="http://schemas.microsoft.com/office/drawing/2014/main" id="{6BA14521-1BC4-4715-8E65-2AFAA8AF4AA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67873" y="453072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17/2017</a:t>
            </a:r>
          </a:p>
        </p:txBody>
      </p:sp>
      <p:sp>
        <p:nvSpPr>
          <p:cNvPr id="40" name="OTLSHAPE_T_2461234878b14e6fb1c796b0109d52ee_Title">
            <a:extLst>
              <a:ext uri="{FF2B5EF4-FFF2-40B4-BE49-F238E27FC236}">
                <a16:creationId xmlns:a16="http://schemas.microsoft.com/office/drawing/2014/main" id="{7EBC593B-D757-43E3-8F7B-431DDC7DFF3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283420" y="4522978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ntegrate Wirewax with wibi to tag videos</a:t>
            </a:r>
          </a:p>
        </p:txBody>
      </p:sp>
      <p:sp>
        <p:nvSpPr>
          <p:cNvPr id="41" name="OTLSHAPE_T_0b0b1776c4fa4f07949a3cde1ee1f28b_Shape">
            <a:extLst>
              <a:ext uri="{FF2B5EF4-FFF2-40B4-BE49-F238E27FC236}">
                <a16:creationId xmlns:a16="http://schemas.microsoft.com/office/drawing/2014/main" id="{A05D1C05-7110-48AE-B812-601137D349C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538299" y="4773337"/>
            <a:ext cx="44323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0b0b1776c4fa4f07949a3cde1ee1f28b_ShapePercentage" hidden="1">
            <a:extLst>
              <a:ext uri="{FF2B5EF4-FFF2-40B4-BE49-F238E27FC236}">
                <a16:creationId xmlns:a16="http://schemas.microsoft.com/office/drawing/2014/main" id="{C07D312F-B00F-4390-9EA5-8B7D1536441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538299" y="47733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T_0b0b1776c4fa4f07949a3cde1ee1f28b_Duration" hidden="1">
            <a:extLst>
              <a:ext uri="{FF2B5EF4-FFF2-40B4-BE49-F238E27FC236}">
                <a16:creationId xmlns:a16="http://schemas.microsoft.com/office/drawing/2014/main" id="{13C5FE13-347B-44C0-9590-56086DDD3D0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7733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44" name="OTLSHAPE_T_0b0b1776c4fa4f07949a3cde1ee1f28b_TextPercentage" hidden="1">
            <a:extLst>
              <a:ext uri="{FF2B5EF4-FFF2-40B4-BE49-F238E27FC236}">
                <a16:creationId xmlns:a16="http://schemas.microsoft.com/office/drawing/2014/main" id="{D7200D59-F921-4448-AF63-A8D3D648C88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49283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0b0b1776c4fa4f07949a3cde1ee1f28b_JoinedDate" hidden="1">
            <a:extLst>
              <a:ext uri="{FF2B5EF4-FFF2-40B4-BE49-F238E27FC236}">
                <a16:creationId xmlns:a16="http://schemas.microsoft.com/office/drawing/2014/main" id="{6AE5F979-41AA-4D2E-A74D-AF2C2B23A1D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9283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0b0b1776c4fa4f07949a3cde1ee1f28b_StartDate">
            <a:extLst>
              <a:ext uri="{FF2B5EF4-FFF2-40B4-BE49-F238E27FC236}">
                <a16:creationId xmlns:a16="http://schemas.microsoft.com/office/drawing/2014/main" id="{003FF223-AA2B-4AD5-8CB9-B482043979A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874259" y="479742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20/2017</a:t>
            </a:r>
          </a:p>
        </p:txBody>
      </p:sp>
      <p:sp>
        <p:nvSpPr>
          <p:cNvPr id="47" name="OTLSHAPE_T_0b0b1776c4fa4f07949a3cde1ee1f28b_EndDate">
            <a:extLst>
              <a:ext uri="{FF2B5EF4-FFF2-40B4-BE49-F238E27FC236}">
                <a16:creationId xmlns:a16="http://schemas.microsoft.com/office/drawing/2014/main" id="{0A40F2FF-EF96-4528-B1AB-5278E4AF415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1012010" y="479742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29/2017</a:t>
            </a:r>
          </a:p>
        </p:txBody>
      </p:sp>
      <p:sp>
        <p:nvSpPr>
          <p:cNvPr id="48" name="OTLSHAPE_T_0b0b1776c4fa4f07949a3cde1ee1f28b_Title">
            <a:extLst>
              <a:ext uri="{FF2B5EF4-FFF2-40B4-BE49-F238E27FC236}">
                <a16:creationId xmlns:a16="http://schemas.microsoft.com/office/drawing/2014/main" id="{57A62115-A4A9-4947-B3F3-92DCC8B51C1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352353" y="4789678"/>
            <a:ext cx="280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e end to end workflow for content creator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501180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MiLCJMaW5lQ29sb3IiOm51bGwsIkxpbmVXZWlnaHQiOjAuMCwiTGluZVR5cGUiOjAsIlBhcmVudFN0eWxlIjpudWxsfSwiUGFyZW50U3R5bGUiOnsiJHJlZiI6IjgxIn19LCJEdXJhdGlvblN0eWxlIjp7IiRpZCI6IjE0NCIsIkZvbnRTZXR0aW5ncyI6eyIkaWQiOiIx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YiLCJMaW5lQ29sb3IiOm51bGwsIkxpbmVXZWlnaHQiOjAuMCwiTGluZVR5cGUiOjAsIlBhcmVudFN0eWxlIjpudWxsfSwiUGFyZW50U3R5bGUiOnsiJHJlZiI6Ijg4In19LCJIb3Jpem9udGFsQ29ubmVjdG9yU3R5bGUiOnsiJGlkIjoiMTQ3IiwiTGluZUNvbG9yIjp7IiRyZWYiOiI5NiJ9LCJMaW5lV2VpZ2h0IjoxLjAsIkxpbmVUeXBlIjowLCJQYXJlbnRTdHlsZSI6eyIkcmVmIjoiOTUifX0sIlZlcnRpY2FsQ29ubmVjdG9yU3R5bGUiOnsiJGlkIjoiMTQ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5IiwiTWFyZ2luIjp7IiRyZWYiOiIxMDIifSwiUGFkZGluZyI6eyIkcmVmIjoiMTAzIn0sIkJhY2tncm91bmQiOnsiJGlkIjoiMTUwIiwiQ29sb3IiOnsiJGlkIjoiMTUxIiwiQSI6MjU1LCJSIjowLCJHIjoxMTQsIkIiOjE4OH19LCJJc1Zpc2libGUiOnRydWUsIldpZHRoIjowLjAsIkhlaWdodCI6MTYuMCwiQm9yZGVyU3R5bGUiOnsiJGlkIjoiMTUyIiwiTGluZUNvbG9yIjp7IiRyZWYiOiIxMDUifSwiTGluZVdlaWdodCI6MC4wLCJMaW5lVHlwZSI6MCwiUGFyZW50U3R5bGUiOnsiJHJlZiI6IjEwNCJ9fSwiUGFyZW50U3R5bGUiOnsiJHJlZiI6IjEwMSJ9fSwiVGl0bGVTdHlsZSI6eyIkaWQiOiIxNTMiLCJGb250U2V0dGluZ3MiOnsiJGlkIjoiMTU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1NSIsIkxpbmVDb2xvciI6bnVsbCwiTGluZVdlaWdodCI6MC4wLCJMaW5lVHlwZSI6MCwiUGFyZW50U3R5bGUiOm51bGx9LCJQYXJlbnRTdHlsZSI6eyIkcmVmIjoiMTA3In19LCJEYXRlU3R5bGUiOnsiJGlkIjoiMTU2IiwiRm9udFNldHRpbmdzIjp7IiRpZCI6IjE1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U4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IyZDZkY2NiMi00ODY0LTRhY2UtOWQ3Yy00YTljMTliZWM1YjYiLCJJbXBvcnRJZCI6bnVsbCwiVGl0bGUiOiJVcGxvYWQgYW5kIHBsYXkgdmlkZW8gb24gd2liaSIsIk5vdGUiOm51bGwsIkh5cGVybGluayI6bnVsbCwiSXNDaGFuZ2VkIjpmYWxzZSwiSXNOZXciOmZhbHNlfSx7IiRpZCI6IjE1OSIsIkdyb3VwTmFtZSI6bnVsbCwiU3RhcnREYXRlIjoiMjAxNy0xMC0wOVQwMDowMDowMFoiLCJFbmREYXRlIjoiMjAxNy0xMC0xM1QyMzo1OTowMCIsIlBlcmNlbnRhZ2VDb21wbGV0ZSI6bnVsbCwiU3R5bGUiOnsiJGlkIjoiMTYwIiwiU2hhcGUiOjIsIlNoYXBlVGhpY2tuZXNzIjox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MiLCJMaW5lQ29sb3IiOm51bGwsIkxpbmVXZWlnaHQiOjAuMCwiTGluZVR5cGUiOjAsIlBhcmVudFN0eWxlIjpudWxsfSwiUGFyZW50U3R5bGUiOnsiJHJlZiI6IjgxIn19LCJEdXJhdGlvblN0eWxlIjp7IiRpZCI6IjE2NCIsIkZvbnRTZXR0aW5ncyI6eyIkaWQiOiIx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YiLCJMaW5lQ29sb3IiOm51bGwsIkxpbmVXZWlnaHQiOjAuMCwiTGluZVR5cGUiOjAsIlBhcmVudFN0eWxlIjpudWxsfSwiUGFyZW50U3R5bGUiOnsiJHJlZiI6Ijg4In19LCJIb3Jpem9udGFsQ29ubmVjdG9yU3R5bGUiOnsiJGlkIjoiMTY3IiwiTGluZUNvbG9yIjp7IiRyZWYiOiI5NiJ9LCJMaW5lV2VpZ2h0IjoxLjAsIkxpbmVUeXBlIjowLCJQYXJlbnRTdHlsZSI6eyIkcmVmIjoiOTUifX0sIlZlcnRpY2FsQ29ubmVjdG9yU3R5bGUiOnsiJGlkIjoiMTY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Y5IiwiTWFyZ2luIjp7IiRyZWYiOiIxMDIifSwiUGFkZGluZyI6eyIkcmVmIjoiMTAzIn0sIkJhY2tncm91bmQiOnsiJGlkIjoiMTcwIiwiQ29sb3IiOnsiJGlkIjoiMTcxIiwiQSI6MjU1LCJSIjo2OCwiRyI6MTE0LCJCIjoxOTZ9fSwiSXNWaXNpYmxlIjp0cnVlLCJXaWR0aCI6MC4wLCJIZWlnaHQiOjE2LjAsIkJvcmRlclN0eWxlIjp7IiRpZCI6IjE3MiIsIkxpbmVDb2xvciI6eyIkcmVmIjoiMTA1In0sIkxpbmVXZWlnaHQiOjAuMCwiTGluZVR5cGUiOjAsIlBhcmVudFN0eWxlIjp7IiRyZWYiOiIxMDQifX0sIlBhcmVudFN0eWxlIjp7IiRyZWYiOiIxMDEifX0sIlRpdGxlU3R5bGUiOnsiJGlkIjoiMTczIiwiRm9udFNldHRpbmdzIjp7IiRpZCI6IjE3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NzUiLCJMaW5lQ29sb3IiOm51bGwsIkxpbmVXZWlnaHQiOjAuMCwiTGluZVR5cGUiOjAsIlBhcmVudFN0eWxlIjpudWxsfSwiUGFyZW50U3R5bGUiOnsiJHJlZiI6IjEwNyJ9fSwiRGF0ZVN0eWxlIjp7IiRpZCI6IjE3NiIsIkZvbnRTZXR0aW5ncyI6eyIkaWQiOiIx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3OC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zIiwiTGluZUNvbG9yIjpudWxsLCJMaW5lV2VpZ2h0IjowLjAsIkxpbmVUeXBlIjowLCJQYXJlbnRTdHlsZSI6bnVsbH0sIlBhcmVudFN0eWxlIjp7IiRyZWYiOiI4MSJ9fSwiRHVyYXRpb25TdHlsZSI6eyIkaWQiOiIxODQiLCJGb250U2V0dGluZ3MiOnsiJGlkIjoiMTg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2IiwiTGluZUNvbG9yIjpudWxsLCJMaW5lV2VpZ2h0IjowLjAsIkxpbmVUeXBlIjowLCJQYXJlbnRTdHlsZSI6bnVsbH0sIlBhcmVudFN0eWxlIjp7IiRyZWYiOiI4OCJ9fSwiSG9yaXpvbnRhbENvbm5lY3RvclN0eWxlIjp7IiRpZCI6IjE4NyIsIkxpbmVDb2xvciI6eyIkcmVmIjoiOTYifSwiTGluZVdlaWdodCI6MS4wLCJMaW5lVHlwZSI6MCwiUGFyZW50U3R5bGUiOnsiJHJlZiI6Ijk1In19LCJWZXJ0aWNhbENvbm5lY3RvclN0eWxlIjp7IiRpZCI6IjE4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4OSIsIk1hcmdpbiI6eyIkcmVmIjoiMTAyIn0sIlBhZGRpbmciOnsiJHJlZiI6IjEwMyJ9LCJCYWNrZ3JvdW5kIjp7IiRpZCI6IjE5MCIsIkNvbG9yIjp7IiRpZCI6IjE5MSIsIkEiOjI1NSwiUiI6MjM3LCJHIjoxMjUsIkIiOjQ5fX0sIklzVmlzaWJsZSI6dHJ1ZSwiV2lkdGgiOjAuMCwiSGVpZ2h0IjoxNi4wLCJCb3JkZXJTdHlsZSI6eyIkaWQiOiIxOTIiLCJMaW5lQ29sb3IiOnsiJHJlZiI6IjEwNSJ9LCJMaW5lV2VpZ2h0IjowLjAsIkxpbmVUeXBlIjowLCJQYXJlbnRTdHlsZSI6eyIkcmVmIjoiMTA0In19LCJQYXJlbnRTdHlsZSI6eyIkcmVmIjoiMTAxIn19LCJUaXRsZVN0eWxlIjp7IiRpZCI6IjE5MyIsIkZvbnRTZXR0aW5ncyI6eyIkaWQiOiIxOT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k1IiwiTGluZUNvbG9yIjpudWxsLCJMaW5lV2VpZ2h0IjowLjAsIkxpbmVUeXBlIjowLCJQYXJlbnRTdHlsZSI6bnVsbH0sIlBhcmVudFN0eWxlIjp7IiRyZWYiOiIxMDcifX0sIkRhdGVTdHlsZSI6eyIkaWQiOiIxOTYiLCJGb250U2V0dGluZ3MiOnsiJGlkIjoiMTk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Tg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MyIsIkxpbmVDb2xvciI6bnVsbCwiTGluZVdlaWdodCI6MC4wLCJMaW5lVHlwZSI6MCwiUGFyZW50U3R5bGUiOm51bGx9LCJQYXJlbnRTdHlsZSI6eyIkcmVmIjoiODEifX0sIkR1cmF0aW9uU3R5bGUiOnsiJGlkIjoiMjA0IiwiRm9udFNldHRpbmdzIjp7IiRpZCI6IjIw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wNiIsIkxpbmVDb2xvciI6bnVsbCwiTGluZVdlaWdodCI6MC4wLCJMaW5lVHlwZSI6MCwiUGFyZW50U3R5bGUiOm51bGx9LCJQYXJlbnRTdHlsZSI6eyIkcmVmIjoiODgifX0sIkhvcml6b250YWxDb25uZWN0b3JTdHlsZSI6eyIkaWQiOiIyMDciLCJMaW5lQ29sb3IiOnsiJHJlZiI6Ijk2In0sIkxpbmVXZWlnaHQiOjEuMCwiTGluZVR5cGUiOjAsIlBhcmVudFN0eWxlIjp7IiRyZWYiOiI5NSJ9fSwiVmVydGljYWxDb25uZWN0b3JTdHlsZSI6eyIkaWQiOiIyMD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DkiLCJNYXJnaW4iOnsiJHJlZiI6IjEwMiJ9LCJQYWRkaW5nIjp7IiRyZWYiOiIxMDMifSwiQmFja2dyb3VuZCI6eyIkaWQiOiIyMTAiLCJDb2xvciI6eyIkaWQiOiIyMTEiLCJBIjoyNTUsIlIiOjE2NSwiRyI6MTY1LCJCIjoxNjV9fSwiSXNWaXNpYmxlIjp0cnVlLCJXaWR0aCI6MC4wLCJIZWlnaHQiOjE2LjAsIkJvcmRlclN0eWxlIjp7IiRpZCI6IjIxMiIsIkxpbmVDb2xvciI6eyIkcmVmIjoiMTA1In0sIkxpbmVXZWlnaHQiOjAuMCwiTGluZVR5cGUiOjAsIlBhcmVudFN0eWxlIjp7IiRyZWYiOiIxMDQifX0sIlBhcmVudFN0eWxlIjp7IiRyZWYiOiIxMDEifX0sIlRpdGxlU3R5bGUiOnsiJGlkIjoiMjEzIiwiRm9udFNldHRpbmdzIjp7IiRpZCI6IjIx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TUiLCJMaW5lQ29sb3IiOm51bGwsIkxpbmVXZWlnaHQiOjAuMCwiTGluZVR5cGUiOjAsIlBhcmVudFN0eWxlIjpudWxsfSwiUGFyZW50U3R5bGUiOnsiJHJlZiI6IjEwNyJ9fSwiRGF0ZVN0eWxlIjp7IiRpZCI6IjIxNiIsIkZvbnRTZXR0aW5ncyI6eyIkaWQiOiIyMT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OC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GIwYjE3NzYtYzRmYS00ZjA3LTk0OWEtM2NkZTFlZTFmMjhiIiwiSW1wb3J0SWQiOm51bGwsIlRpdGxlIjoiQ3JlYXRlIGVuZCB0byBlbmQgd29ya2Zsb3cgZm9yIGNvbnRlbnQgY3JlYXRvcnMiLCJOb3RlIjpudWxsLCJIeXBlcmxpbmsiOm51bGwsIklzQ2hhbmdlZCI6ZmFsc2UsIklzTmV3IjpmYWxzZX1dLCJNc1Byb2plY3RJdGVtc1RyZWUiOnsiJGlkIjoiMjE5IiwiUm9vdCI6eyJJbXBvcnRJZCI6bnVsbCwiSXNJbXBvcnRlZCI6ZmFsc2UsIkNoaWxkcmVuIjpbXX19LCJNZXRhZGF0YSI6eyIkaWQiOiIyMjAifSwiU2V0dGluZ3MiOnsiJGlkIjoiMjIxIiwiSW1wYU9wdGlvbnMiOnsiJGlkIjoiMjI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jIz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</TotalTime>
  <Words>52</Words>
  <Application>Microsoft Office PowerPoint</Application>
  <PresentationFormat>Widescreen</PresentationFormat>
  <Paragraphs>2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OUNIKA NARNE</dc:creator>
  <cp:lastModifiedBy>MOUNIKA NARNE</cp:lastModifiedBy>
  <cp:revision>1</cp:revision>
  <dcterms:created xsi:type="dcterms:W3CDTF">2017-09-27T04:42:02Z</dcterms:created>
  <dcterms:modified xsi:type="dcterms:W3CDTF">2017-09-27T04:49:18Z</dcterms:modified>
</cp:coreProperties>
</file>